
<file path=[Content_Types].xml><?xml version="1.0" encoding="utf-8"?>
<Types xmlns="http://schemas.openxmlformats.org/package/2006/content-types">
  <Default ContentType="application/vnd.openxmlformats-package.relationships+xml" Extension="rels"/>
  <Default ContentType="application/xml" Extension="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wordprocessingml.document.main+xml" PartName="/word/document.xml"/>
  <Override ContentType="application/vnd.openxmlformats-officedocument.wordprocessingml.settings+xml" PartName="/word/settings.xml"/>
</Types>
</file>

<file path=_rels/.rels><?xml version="1.0" encoding="UTF-8" standalone="no"?><Relationships xmlns="http://schemas.openxmlformats.org/package/2006/relationships"><Relationship Id="rId1" Target="word/document.xml" Type="http://schemas.openxmlformats.org/officeDocument/2006/relationships/officeDocument"/><Relationship Id="rId2" Target="docProps/app.xml" Type="http://schemas.openxmlformats.org/officeDocument/2006/relationships/extended-properties"/><Relationship Id="rId3" Target="docProps/core.xml" Type="http://schemas.openxmlformats.org/package/2006/relationships/metadata/core-properties"/></Relationships>
</file>

<file path=word/document.xml><?xml version="1.0" encoding="utf-8"?>
<w:document xmlns:w="http://schemas.openxmlformats.org/wordprocessingml/2006/main">
  <w:body>
    <w:p>
      <w:r/>
    </w:p>
    <w:p>
      <w:pPr>
        <w:jc w:val="left"/>
      </w:pPr>
      <w:r/>
      <w:r>
        <w:rPr>
          <w:rFonts w:ascii="Arial" w:hAnsi="Arial" w:cs="Arial" w:eastAsia="Arial"/>
          <w:b w:val="true"/>
          <w:color w:val="000000"/>
          <w:sz w:val="20"/>
        </w:rPr>
        <w:t>Table 1</w:t>
        <w:cr/>
      </w:r>
    </w:p>
    <w:p>
      <w:r/>
    </w:p>
    <w:tbl>
      <w:tblPr>
        <w:tblW w:w="0" w:type="auto"/>
        <w:jc w:val="left"/>
        <w:tblLayout w:type="fixed"/>
      </w:tblPr>
      <w:tblGrid>
        <w:gridCol w:w="2384"/>
        <w:gridCol w:w="2560"/>
        <w:gridCol w:w="259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40" w:before="5"/>
              <w:ind w:left="40" w:right="55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2"/>
              </w:rPr>
              <w:t>No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Output Created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9-OCT-2023 20:27:54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Comments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Inpu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Dat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\\unimaas.nl\users\Students\i6351071\data\My Documents\BBS1001.sav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Active Datase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DataSet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Filter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Weigh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Split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N of Rows in Working Data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57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issing Value Handling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Definition of Missing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User-defined missing values are treated as missing.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Cases Used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Statistics are based on all cases with valid data.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Syntax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FREQUENCIES VARIABLES=LEFT RIGHT</w:t>
              <w:br/>
              <w:t>/STATISTICS=RANGE MINIMUM MAXIMUM STDDEV MEAN MEDIAN</w:t>
              <w:br/>
              <w:t>/FORMAT=NOTABLE</w:t>
              <w:br/>
              <w:t>/ORDER=ANALYSIS.</w:t>
              <w:br/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Resource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Processor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0:00:00,03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Elapsed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0:00:00,01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768"/>
        <w:gridCol w:w="768"/>
        <w:gridCol w:w="1072"/>
        <w:gridCol w:w="1072"/>
      </w:tblGrid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152935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5" w:before="15"/>
              <w:ind w:left="40" w:right="55"/>
              <w:jc w:val="center"/>
            </w:pPr>
            <w:r>
              <w:rPr>
                <w:rFonts w:ascii="Arial" w:hAnsi="Arial" w:cs="Arial" w:eastAsia="Arial"/>
                <w:color w:val="264a60"/>
                <w:sz w:val="18"/>
              </w:rPr>
              <w:t>LEFT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5" w:before="15"/>
              <w:ind w:left="40" w:right="55"/>
              <w:jc w:val="center"/>
            </w:pPr>
            <w:r>
              <w:rPr>
                <w:rFonts w:ascii="Arial" w:hAnsi="Arial" w:cs="Arial" w:eastAsia="Arial"/>
                <w:color w:val="264a60"/>
                <w:sz w:val="18"/>
              </w:rPr>
              <w:t>RIGHT</w:t>
            </w:r>
          </w:p>
        </w:tc>
      </w:tr>
      <w:tr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N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57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57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ean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98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985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edian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98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974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Std. Deviation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04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045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Range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31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302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inimum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8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816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aximum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,11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,118</w:t>
            </w:r>
          </w:p>
        </w:tc>
      </w:tr>
    </w:tbl>
    <w:p>
      <w:r/>
    </w:p>
    <w:p>
      <w:pPr>
        <w:spacing w:before="200"/>
        <w:jc w:val="left"/>
      </w:pPr>
      <w:r/>
      <w:r>
        <w:rPr>
          <w:rFonts w:ascii="Arial" w:hAnsi="Arial" w:cs="Arial" w:eastAsia="Arial"/>
          <w:b w:val="true"/>
          <w:color w:val="000000"/>
          <w:sz w:val="20"/>
        </w:rPr>
        <w:t>Table 2</w:t>
        <w:cr/>
      </w:r>
    </w:p>
    <w:p>
      <w:r/>
    </w:p>
    <w:tbl>
      <w:tblPr>
        <w:tblW w:w="0" w:type="auto"/>
        <w:jc w:val="left"/>
        <w:tblLayout w:type="fixed"/>
      </w:tblPr>
      <w:tblGrid>
        <w:gridCol w:w="2384"/>
        <w:gridCol w:w="2560"/>
        <w:gridCol w:w="259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40" w:before="5"/>
              <w:ind w:left="40" w:right="55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2"/>
              </w:rPr>
              <w:t>No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Output Created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9-OCT-2023 20:32:14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Comments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Inpu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Dat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\\unimaas.nl\users\Students\i6351071\data\My Documents\BBS1001.sav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Active Datase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DataSet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Filter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Dominanthand = 1 (FILTER)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Weigh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Split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N of Rows in Working Data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9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issing Value Handling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Definition of Missing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User-defined missing values are treated as missing.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Cases Used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Statistics are based on all cases with valid data.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Syntax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FREQUENCIES VARIABLES=LEFT RIGHT</w:t>
              <w:br/>
              <w:t>/STATISTICS=RANGE MINIMUM MAXIMUM STDDEV MEAN MEDIAN</w:t>
              <w:br/>
              <w:t>/FORMAT=NOTABLE</w:t>
              <w:br/>
              <w:t>/ORDER=ANALYSIS.</w:t>
              <w:br/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Resource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Processor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0:00:00,0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Elapsed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0:00:00,01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768"/>
        <w:gridCol w:w="768"/>
        <w:gridCol w:w="1072"/>
        <w:gridCol w:w="1072"/>
      </w:tblGrid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152935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5" w:before="15"/>
              <w:ind w:left="40" w:right="55"/>
              <w:jc w:val="center"/>
            </w:pPr>
            <w:r>
              <w:rPr>
                <w:rFonts w:ascii="Arial" w:hAnsi="Arial" w:cs="Arial" w:eastAsia="Arial"/>
                <w:color w:val="264a60"/>
                <w:sz w:val="18"/>
              </w:rPr>
              <w:t>LEFT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5" w:before="15"/>
              <w:ind w:left="40" w:right="55"/>
              <w:jc w:val="center"/>
            </w:pPr>
            <w:r>
              <w:rPr>
                <w:rFonts w:ascii="Arial" w:hAnsi="Arial" w:cs="Arial" w:eastAsia="Arial"/>
                <w:color w:val="264a60"/>
                <w:sz w:val="18"/>
              </w:rPr>
              <w:t>RIGHT</w:t>
            </w:r>
          </w:p>
        </w:tc>
      </w:tr>
      <w:tr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N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9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9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ean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,0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988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edian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,0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986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Std. Deviation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04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055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Range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19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206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inimum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90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861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aximum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,09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,068</w:t>
            </w:r>
          </w:p>
        </w:tc>
      </w:tr>
    </w:tbl>
    <w:p>
      <w:r/>
    </w:p>
    <w:p>
      <w:pPr>
        <w:spacing w:before="200"/>
        <w:jc w:val="left"/>
      </w:pPr>
      <w:r/>
      <w:r>
        <w:rPr>
          <w:rFonts w:ascii="Arial" w:hAnsi="Arial" w:cs="Arial" w:eastAsia="Arial"/>
          <w:b w:val="true"/>
          <w:color w:val="000000"/>
          <w:sz w:val="20"/>
        </w:rPr>
        <w:t>Table 3</w:t>
        <w:cr/>
      </w:r>
    </w:p>
    <w:p>
      <w:r/>
    </w:p>
    <w:tbl>
      <w:tblPr>
        <w:tblW w:w="0" w:type="auto"/>
        <w:jc w:val="left"/>
        <w:tblLayout w:type="fixed"/>
      </w:tblPr>
      <w:tblGrid>
        <w:gridCol w:w="2384"/>
        <w:gridCol w:w="2560"/>
        <w:gridCol w:w="259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40" w:before="5"/>
              <w:ind w:left="40" w:right="55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2"/>
              </w:rPr>
              <w:t>No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Output Created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9-OCT-2023 20:33:26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Comments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Inpu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Dat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\\unimaas.nl\users\Students\i6351071\data\My Documents\BBS1001.sav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Active Datase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DataSet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Filter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Dominanthand = 0 (FILTER)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Weigh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Split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N of Rows in Working Data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38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issing Value Handling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Definition of Missing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User-defined missing values are treated as missing.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Cases Used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Statistics are based on all cases with valid data.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Syntax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010205"/>
                <w:sz w:val="18"/>
              </w:rPr>
              <w:t>FREQUENCIES VARIABLES=LEFT RIGHT</w:t>
              <w:br/>
              <w:t>/STATISTICS=RANGE MINIMUM MAXIMUM STDDEV MEAN MEDIAN</w:t>
              <w:br/>
              <w:t>/FORMAT=NOTABLE</w:t>
              <w:br/>
              <w:t>/ORDER=ANALYSIS.</w:t>
              <w:br/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Resource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Processor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0:00:00,0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Elapsed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0:00:00,02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768"/>
        <w:gridCol w:w="768"/>
        <w:gridCol w:w="1072"/>
        <w:gridCol w:w="1072"/>
      </w:tblGrid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152935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5" w:before="15"/>
              <w:ind w:left="40" w:right="55"/>
              <w:jc w:val="center"/>
            </w:pPr>
            <w:r>
              <w:rPr>
                <w:rFonts w:ascii="Arial" w:hAnsi="Arial" w:cs="Arial" w:eastAsia="Arial"/>
                <w:color w:val="264a60"/>
                <w:sz w:val="18"/>
              </w:rPr>
              <w:t>LEFT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5" w:before="15"/>
              <w:ind w:left="40" w:right="55"/>
              <w:jc w:val="center"/>
            </w:pPr>
            <w:r>
              <w:rPr>
                <w:rFonts w:ascii="Arial" w:hAnsi="Arial" w:cs="Arial" w:eastAsia="Arial"/>
                <w:color w:val="264a60"/>
                <w:sz w:val="18"/>
              </w:rPr>
              <w:t>RIGHT</w:t>
            </w:r>
          </w:p>
        </w:tc>
      </w:tr>
      <w:tr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N</w:t>
            </w:r>
          </w:p>
        </w:tc>
        <w:tc>
          <w:tcPr>
            <w:tcBorders>
              <w:top w:val="single" w:sz="1" w:color="152935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38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38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ean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98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985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edian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97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974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Std. Deviation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045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043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Range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31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302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inimum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80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0,816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5" w:before="20"/>
              <w:ind w:left="40" w:right="55"/>
              <w:jc w:val="left"/>
            </w:pPr>
            <w:r>
              <w:rPr>
                <w:rFonts w:ascii="Arial" w:hAnsi="Arial" w:cs="Arial" w:eastAsia="Arial"/>
                <w:color w:val="264a60"/>
                <w:sz w:val="18"/>
              </w:rPr>
              <w:t>Maximum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,11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center"/>
          </w:tcPr>
          <w:tcPr>
            <w:shd w:color="auto" w:val="clear" w:fill="f9f9fb"/>
          </w:tcPr>
          <w:p>
            <w:pPr>
              <w:spacing w:after="15" w:before="20"/>
              <w:ind w:left="40" w:right="55"/>
              <w:jc w:val="right"/>
            </w:pPr>
            <w:r>
              <w:rPr>
                <w:rFonts w:ascii="Arial" w:hAnsi="Arial" w:cs="Arial" w:eastAsia="Arial"/>
                <w:color w:val="010205"/>
                <w:sz w:val="18"/>
              </w:rPr>
              <w:t>1,118</w:t>
            </w:r>
          </w:p>
        </w:tc>
      </w:tr>
    </w:tbl>
    <w:sectPr>
      <w:pgSz w:h="16833" w:w="11903" w:orient="portrait"/>
      <w:pgMar w:left="1440" w:top="1440" w:right="1440" w:bottom="1440"/>
    </w:sectPr>
  </w:body>
</w:document>
</file>

<file path=word/settings.xml><?xml version="1.0" encoding="utf-8"?>
<w:settings xmlns:w="http://schemas.openxmlformats.org/wordprocessingml/2006/main"/>
</file>

<file path=word/_rels/document.xml.rels><?xml version="1.0" encoding="UTF-8" standalone="no"?><Relationships xmlns="http://schemas.openxmlformats.org/package/2006/relationships"><Relationship Id="rId1" Target="settings.xml" Type="http://schemas.openxmlformats.org/officeDocument/2006/relationships/settings"/></Relationships>
</file>

<file path=docProps/app.xml><?xml version="1.0" encoding="utf-8"?>
<Properties xmlns="http://schemas.openxmlformats.org/officeDocument/2006/extended-properties">
  <Application>Apache POI</Applicat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>
  <dcterms:created xsi:type="dcterms:W3CDTF">2023-10-10T12:21:20Z</dcterms:created>
  <dc:creator>Apache POI</dc:creator>
</cp:coreProperties>
</file>